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cherpenze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kroon, symbool, logo&#10;&#10;Automatisch gegenereerde beschrijving">
            <a:extLst>
              <a:ext uri="{FF2B5EF4-FFF2-40B4-BE49-F238E27FC236}">
                <a16:creationId xmlns:a16="http://schemas.microsoft.com/office/drawing/2014/main" id="{1115242C-0B4B-2BFA-E3F4-4F3BDC6AA96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0698" y="4534034"/>
            <a:ext cx="2135153" cy="20967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48598" y="413918"/>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454558"/>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kroon, symbool, logo&#10;&#10;Automatisch gegenereerde beschrijving">
            <a:extLst>
              <a:ext uri="{FF2B5EF4-FFF2-40B4-BE49-F238E27FC236}">
                <a16:creationId xmlns:a16="http://schemas.microsoft.com/office/drawing/2014/main" id="{A505A536-D872-3260-CA8E-1FA2AA32B8B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1306" y="3850919"/>
            <a:ext cx="1485820" cy="145907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5</cp:revision>
  <dcterms:created xsi:type="dcterms:W3CDTF">2019-07-30T10:24:44Z</dcterms:created>
  <dcterms:modified xsi:type="dcterms:W3CDTF">2024-10-28T16:04:48Z</dcterms:modified>
</cp:coreProperties>
</file>